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r>
              <w:t>:Select reference file|R$ |COMMENT:</w:t>
            </w:r>
            <w:r>
              <w:rPr>
                <w:rFonts w:ascii="Calibri" w:eastAsia="Calibri" w:hAnsi="Calibri" w:cs="Calibri"/>
                <w:sz w:val="22"/>
                <w:szCs w:val="22"/>
              </w:rPr>
              <w:t>Supplier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r>
              <w:t xml:space="preserve">:Select reference file| </w:t>
            </w:r>
            <w:r w:rsidRPr="002B1198">
              <w:t>NoUserInput</w:t>
            </w:r>
            <w:r>
              <w:t>|R$|COMMENT:</w:t>
            </w:r>
            <w:r>
              <w:rPr>
                <w:rFonts w:ascii="Calibri" w:eastAsia="Calibri" w:hAnsi="Calibri" w:cs="Calibri"/>
                <w:sz w:val="22"/>
                <w:szCs w:val="22"/>
              </w:rPr>
              <w:t>Primary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r>
              <w:t>:Select reference file| R$ |COMMENT:</w:t>
            </w:r>
            <w:r>
              <w:rPr>
                <w:rFonts w:ascii="Calibri" w:eastAsia="Calibri" w:hAnsi="Calibri" w:cs="Calibri"/>
                <w:sz w:val="22"/>
                <w:szCs w:val="22"/>
              </w:rPr>
              <w:t>Supplier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Söder Mälarstrand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 </w:t>
            </w:r>
            <w:r>
              <w:t xml:space="preserve"> </w:t>
            </w:r>
            <w:r w:rsidRPr="0086479D">
              <w:t>|</w:t>
            </w:r>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COMMENT:</w:t>
            </w:r>
            <w:r>
              <w:rPr>
                <w:rFonts w:ascii="Calibri" w:eastAsia="Calibri" w:hAnsi="Calibri" w:cs="Calibri"/>
                <w:sz w:val="22"/>
                <w:szCs w:val="22"/>
              </w:rPr>
              <w:t xml:space="preserve">Supplier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r>
              <w:t>:Select reference file</w:t>
            </w:r>
            <w:r>
              <w:rPr>
                <w:szCs w:val="22"/>
              </w:rPr>
              <w:t xml:space="preserve"> |</w:t>
            </w:r>
            <w:r w:rsidRPr="002B1198">
              <w:t>NoUserInput</w:t>
            </w:r>
            <w:r>
              <w:t>|R$|</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COMMENT:</w:t>
            </w:r>
            <w:r>
              <w:rPr>
                <w:rFonts w:ascii="Calibri" w:eastAsia="Calibri" w:hAnsi="Calibri" w:cs="Calibri"/>
                <w:sz w:val="22"/>
                <w:szCs w:val="22"/>
              </w:rPr>
              <w:t xml:space="preserve">Supplier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r>
              <w:t>:Select reference file|</w:t>
            </w:r>
            <w:r w:rsidRPr="002B1198">
              <w:t>NoUserInput</w:t>
            </w:r>
            <w:r>
              <w:t>|R$</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r>
              <w:t>:Select reference file|R$|COMMENT:</w:t>
            </w:r>
            <w:r>
              <w:rPr>
                <w:rFonts w:ascii="Calibri" w:eastAsia="Calibri" w:hAnsi="Calibri" w:cs="Calibri"/>
                <w:sz w:val="22"/>
                <w:szCs w:val="22"/>
              </w:rPr>
              <w:t>Supplier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DATE:MMMM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DATE:MMMM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r>
              <w:t>:Select reference file|R$|COMMENT:</w:t>
            </w:r>
            <w:r>
              <w:rPr>
                <w:rFonts w:ascii="Calibri" w:eastAsia="Calibri" w:hAnsi="Calibri" w:cs="Calibri"/>
                <w:sz w:val="22"/>
                <w:szCs w:val="22"/>
              </w:rPr>
              <w:t>MSSA ID according the th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Agreed and accepted</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D22434"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services)|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D22434"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EndPr/>
            <w:sdtContent>
              <w:p w14:paraId="4542DFB0" w14:textId="77777777" w:rsidR="00AC0449" w:rsidRPr="000F6EED" w:rsidRDefault="00AC0449" w:rsidP="001C28EF">
                <w:pPr>
                  <w:jc w:val="center"/>
                </w:pPr>
                <w:r w:rsidRPr="000F6EED">
                  <w:rPr>
                    <w:rFonts w:ascii="Calibri" w:eastAsia="Calibri" w:hAnsi="Calibri" w:cs="Calibri"/>
                    <w:b/>
                    <w:sz w:val="22"/>
                    <w:szCs w:val="22"/>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0F6EED" w:rsidRDefault="00212CC9" w:rsidP="001C28EF">
            <w:pPr>
              <w:ind w:right="72"/>
              <w:jc w:val="center"/>
            </w:pPr>
            <w:r>
              <w:t>{[</w:t>
            </w:r>
            <w:r w:rsidR="008715E3">
              <w:t xml:space="preserve">INVISIBLE </w:t>
            </w:r>
            <w:r>
              <w:t xml:space="preserve">|CopyFromArgument: </w:t>
            </w:r>
            <w:r w:rsidR="008715E3">
              <w:rPr>
                <w:rFonts w:ascii="Calibri" w:eastAsia="Calibri" w:hAnsi="Calibri" w:cs="Calibri"/>
                <w:sz w:val="22"/>
                <w:szCs w:val="22"/>
              </w:rPr>
              <w:t>Maximum hours</w:t>
            </w:r>
            <w:r w:rsidR="008715E3">
              <w:rPr>
                <w:rFonts w:ascii="Calibri" w:eastAsia="Calibri" w:hAnsi="Calibri" w:cs="Calibri"/>
              </w:rPr>
              <w:t xml:space="preserve"> per month</w:t>
            </w:r>
            <w:r w:rsidRPr="00976BE9">
              <w:rPr>
                <w:rFonts w:eastAsiaTheme="minorHAns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4"/>
              <w:id w:val="448988315"/>
            </w:sdtPr>
            <w:sdtEndPr/>
            <w:sdtContent>
              <w:p w14:paraId="59C9018F" w14:textId="77777777" w:rsidR="008715E3" w:rsidRPr="000F6EED" w:rsidRDefault="008715E3" w:rsidP="008715E3">
                <w:pPr>
                  <w:jc w:val="center"/>
                </w:pPr>
                <w:r w:rsidRPr="000F6EED">
                  <w:rPr>
                    <w:rFonts w:ascii="Calibri" w:eastAsia="Calibri" w:hAnsi="Calibri" w:cs="Calibri"/>
                    <w:b/>
                    <w:sz w:val="22"/>
                    <w:szCs w:val="22"/>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1FFF1A3"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8"/>
              <w:id w:val="-1028321261"/>
            </w:sdtPr>
            <w:sdtEndPr/>
            <w:sdtContent>
              <w:p w14:paraId="75527582" w14:textId="77777777" w:rsidR="008715E3" w:rsidRPr="000F6EED" w:rsidRDefault="008715E3" w:rsidP="008715E3">
                <w:pPr>
                  <w:jc w:val="center"/>
                </w:pPr>
                <w:r w:rsidRPr="000F6EED">
                  <w:rPr>
                    <w:rFonts w:ascii="Calibri" w:eastAsia="Calibri" w:hAnsi="Calibri" w:cs="Calibri"/>
                    <w:b/>
                    <w:sz w:val="22"/>
                    <w:szCs w:val="22"/>
                  </w:rPr>
                  <w:t>4</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7730125" w14:textId="195B2005"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3F8B10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bookmarkStart w:id="2" w:name="_Hlk61616196" w:displacedByCustomXml="next"/>
          <w:sdt>
            <w:sdtPr>
              <w:tag w:val="goog_rdk_108"/>
              <w:id w:val="1478877419"/>
            </w:sdtPr>
            <w:sdtEndPr/>
            <w:sdtContent>
              <w:p w14:paraId="22E5C42C" w14:textId="77777777" w:rsidR="008715E3" w:rsidRPr="000F6EED" w:rsidRDefault="008715E3" w:rsidP="008715E3">
                <w:pPr>
                  <w:jc w:val="center"/>
                </w:pPr>
                <w:r w:rsidRPr="000F6EED">
                  <w:rPr>
                    <w:rFonts w:ascii="Calibri" w:eastAsia="Calibri" w:hAnsi="Calibri" w:cs="Calibri"/>
                    <w:b/>
                    <w:sz w:val="22"/>
                    <w:szCs w:val="22"/>
                  </w:rPr>
                  <w:t>5</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63A38A2C" w14:textId="7C39A032"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bookmarkEnd w:id="2" w:displacedByCustomXml="next"/>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510FC35E" w:rsidR="008715E3" w:rsidRPr="000F6EED" w:rsidRDefault="00E51224" w:rsidP="00E51224">
            <w:pPr>
              <w:jc w:val="center"/>
            </w:pPr>
            <w:r w:rsidRPr="00E51224">
              <w:t xml:space="preserve">{[ INVISIBLE |$: NumberOfMonth | NoOutput | NUM | D$: </w:t>
            </w:r>
            <w:r w:rsidR="0052423E">
              <w:rPr>
                <w:highlight w:val="red"/>
              </w:rPr>
              <w:t>0</w:t>
            </w:r>
            <w:r w:rsidR="00800D92">
              <w:rPr>
                <w:highlight w:val="red"/>
              </w:rPr>
              <w:t>5</w:t>
            </w:r>
            <w:r w:rsidRPr="00E51224">
              <w:t>]} {[#:1501|NoUserInput|$: Total Hours | NUM|MULTIPLICATION | ThousandSeparated | MathValueFromArgument1: Maximum hours per month | MathValueFromArgument2: NumberOfMonth]}{[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 xml:space="preserve">#:2800|$:Max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r w:rsidR="00E51224">
        <w:rPr>
          <w:szCs w:val="22"/>
        </w:rPr>
        <w:t>NumAsText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675DDEE2"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A3746C">
        <w:rPr>
          <w:rFonts w:ascii="Calibri" w:eastAsia="Calibri" w:hAnsi="Calibri" w:cs="Calibri"/>
          <w:sz w:val="22"/>
          <w:szCs w:val="22"/>
        </w:rPr>
        <w:t>2</w:t>
      </w:r>
      <w:r>
        <w:rPr>
          <w:rFonts w:ascii="Calibri" w:eastAsia="Calibri" w:hAnsi="Calibri" w:cs="Calibri"/>
          <w:sz w:val="22"/>
          <w:szCs w:val="22"/>
        </w:rPr>
        <w:t>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AD316F8" w14:textId="77777777" w:rsidR="00D22434" w:rsidRDefault="00D22434">
      <w:r>
        <w:separator/>
      </w:r>
    </w:p>
  </w:endnote>
  <w:endnote w:type="continuationSeparator" w:id="0">
    <w:p w14:paraId="34F3F71B" w14:textId="77777777" w:rsidR="00D22434" w:rsidRDefault="00D22434">
      <w:r>
        <w:continuationSeparator/>
      </w:r>
    </w:p>
  </w:endnote>
  <w:endnote w:type="continuationNotice" w:id="1">
    <w:p w14:paraId="6D374613" w14:textId="77777777" w:rsidR="00D22434" w:rsidRDefault="00D2243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061DE4">
    <w:pPr>
      <w:pStyle w:val="Footer"/>
    </w:pPr>
    <w:fldSimple w:instr=" DOCPROPERTY DOCXDOCID DMS=NetDocuments Format=&lt;&lt;ID&gt;&gt;v.&lt;&lt;VER&gt;&gt; &lt;&lt;Client&gt;&gt;-&lt;&lt;Matter&gt;&gt; PRESERVELOCATION \* MERGEFORMAT ">
      <w:r w:rsidR="00782483">
        <w:t>4852-1447-1856v.1 0025936-003067</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F30875B" w14:textId="77777777" w:rsidR="00D22434" w:rsidRDefault="00D22434">
      <w:r>
        <w:separator/>
      </w:r>
    </w:p>
  </w:footnote>
  <w:footnote w:type="continuationSeparator" w:id="0">
    <w:p w14:paraId="567513DB" w14:textId="77777777" w:rsidR="00D22434" w:rsidRDefault="00D22434">
      <w:r>
        <w:continuationSeparator/>
      </w:r>
    </w:p>
  </w:footnote>
  <w:footnote w:type="continuationNotice" w:id="1">
    <w:p w14:paraId="3F1C6F55" w14:textId="77777777" w:rsidR="00D22434" w:rsidRDefault="00D22434"/>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D22434">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D22434">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8E26C10A">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542A2DDC">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0E56"/>
    <w:rsid w:val="00061DE4"/>
    <w:rsid w:val="0007567C"/>
    <w:rsid w:val="000D11CE"/>
    <w:rsid w:val="000E617A"/>
    <w:rsid w:val="000F6EED"/>
    <w:rsid w:val="00115BCB"/>
    <w:rsid w:val="00143D5A"/>
    <w:rsid w:val="00151E02"/>
    <w:rsid w:val="001638B2"/>
    <w:rsid w:val="001F38FE"/>
    <w:rsid w:val="00212CC9"/>
    <w:rsid w:val="00223E4E"/>
    <w:rsid w:val="002350BE"/>
    <w:rsid w:val="00241097"/>
    <w:rsid w:val="00251733"/>
    <w:rsid w:val="002531E1"/>
    <w:rsid w:val="00273A89"/>
    <w:rsid w:val="002915F3"/>
    <w:rsid w:val="002A19BB"/>
    <w:rsid w:val="002B0BC2"/>
    <w:rsid w:val="002F1EDB"/>
    <w:rsid w:val="0031069C"/>
    <w:rsid w:val="00325A8D"/>
    <w:rsid w:val="00351BC5"/>
    <w:rsid w:val="003535C9"/>
    <w:rsid w:val="00360428"/>
    <w:rsid w:val="00384FE3"/>
    <w:rsid w:val="003A59DD"/>
    <w:rsid w:val="003C4E3C"/>
    <w:rsid w:val="003D3506"/>
    <w:rsid w:val="003D6E6B"/>
    <w:rsid w:val="003F484D"/>
    <w:rsid w:val="0043548C"/>
    <w:rsid w:val="004476BF"/>
    <w:rsid w:val="00464F2F"/>
    <w:rsid w:val="004B228A"/>
    <w:rsid w:val="004D36CB"/>
    <w:rsid w:val="004E310E"/>
    <w:rsid w:val="0052423E"/>
    <w:rsid w:val="005543A0"/>
    <w:rsid w:val="00585DE8"/>
    <w:rsid w:val="00587EE9"/>
    <w:rsid w:val="005D675C"/>
    <w:rsid w:val="005F0A4A"/>
    <w:rsid w:val="006655CD"/>
    <w:rsid w:val="006D5C9C"/>
    <w:rsid w:val="00751F14"/>
    <w:rsid w:val="00782483"/>
    <w:rsid w:val="00791BC0"/>
    <w:rsid w:val="007C11D0"/>
    <w:rsid w:val="00800D92"/>
    <w:rsid w:val="008256A9"/>
    <w:rsid w:val="0085728B"/>
    <w:rsid w:val="008715E3"/>
    <w:rsid w:val="00883CCB"/>
    <w:rsid w:val="008873C7"/>
    <w:rsid w:val="008B6A6B"/>
    <w:rsid w:val="008D6CD0"/>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3746C"/>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306ED"/>
    <w:rsid w:val="00C57462"/>
    <w:rsid w:val="00C77816"/>
    <w:rsid w:val="00CA03F3"/>
    <w:rsid w:val="00CB0C47"/>
    <w:rsid w:val="00CB1436"/>
    <w:rsid w:val="00CB162B"/>
    <w:rsid w:val="00CC2367"/>
    <w:rsid w:val="00CD0F7D"/>
    <w:rsid w:val="00CF3F44"/>
    <w:rsid w:val="00D12786"/>
    <w:rsid w:val="00D15401"/>
    <w:rsid w:val="00D22434"/>
    <w:rsid w:val="00D60E2D"/>
    <w:rsid w:val="00D63E39"/>
    <w:rsid w:val="00D8453F"/>
    <w:rsid w:val="00DB213B"/>
    <w:rsid w:val="00DB3736"/>
    <w:rsid w:val="00DC0F1C"/>
    <w:rsid w:val="00DC7DA9"/>
    <w:rsid w:val="00DD4917"/>
    <w:rsid w:val="00DE576F"/>
    <w:rsid w:val="00DE7527"/>
    <w:rsid w:val="00DF521B"/>
    <w:rsid w:val="00E07F6D"/>
    <w:rsid w:val="00E12B32"/>
    <w:rsid w:val="00E42466"/>
    <w:rsid w:val="00E44D43"/>
    <w:rsid w:val="00E51224"/>
    <w:rsid w:val="00E60BF5"/>
    <w:rsid w:val="00EA2A1D"/>
    <w:rsid w:val="00F35AC8"/>
    <w:rsid w:val="00F4108D"/>
    <w:rsid w:val="00F46910"/>
    <w:rsid w:val="00F533FA"/>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Props1.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2.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3.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Pages>
  <Words>1049</Words>
  <Characters>5560</Characters>
  <Application>Microsoft Office Word</Application>
  <DocSecurity>0</DocSecurity>
  <Lines>46</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59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4</cp:revision>
  <dcterms:created xsi:type="dcterms:W3CDTF">2021-01-15T15:56:00Z</dcterms:created>
  <dcterms:modified xsi:type="dcterms:W3CDTF">2021-01-15T15: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